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6" r:id="rId9"/>
    <p:sldId id="264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60" d="100"/>
          <a:sy n="60" d="100"/>
        </p:scale>
        <p:origin x="606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erckmanuals.com/home/drugs/over-the-counter-drugs/precautions-with-over-the-counter-drugs" TargetMode="External"/><Relationship Id="rId2" Type="http://schemas.openxmlformats.org/officeDocument/2006/relationships/hyperlink" Target="http://www.fda.gov/Drugs/ResourcesForYou/Consumers/ucm143553.htm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2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3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vs. diet or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623527"/>
            <a:ext cx="8596668" cy="5082074"/>
          </a:xfrm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Plugin architecture to capture treatment analysis from EHR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pPr lvl="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Portal</a:t>
            </a:r>
          </a:p>
          <a:p>
            <a:pPr marL="742950" lvl="2" indent="-342900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ttach EHR to allow patient to enter relevant data (such as allergy information)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Leverage commonly-used technology with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extant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PIs  to integrate data from application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(such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as </a:t>
            </a: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MyFitnessPal etc.)</a:t>
            </a:r>
          </a:p>
          <a:p>
            <a:pPr lvl="1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Integrated data can be continually updated</a:t>
            </a:r>
            <a:endParaRPr lang="en-US" sz="2600" dirty="0">
              <a:solidFill>
                <a:prstClr val="black">
                  <a:lumMod val="75000"/>
                  <a:lumOff val="25000"/>
                </a:prstClr>
              </a:solidFill>
            </a:endParaRPr>
          </a:p>
          <a:p>
            <a:pPr marL="457200" lvl="1" indent="0">
              <a:buNone/>
            </a:pPr>
            <a:endParaRPr lang="en-US" sz="2400" dirty="0" smtClean="0"/>
          </a:p>
        </p:txBody>
      </p:sp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 (</a:t>
            </a:r>
            <a:r>
              <a:rPr lang="en-US" dirty="0" err="1" smtClean="0"/>
              <a:t>contd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1576873"/>
            <a:ext cx="8596668" cy="5128727"/>
          </a:xfrm>
        </p:spPr>
        <p:txBody>
          <a:bodyPr>
            <a:normAutofit/>
          </a:bodyPr>
          <a:lstStyle/>
          <a:p>
            <a:pPr lvl="0">
              <a:buClr>
                <a:srgbClr val="90C226"/>
              </a:buClr>
            </a:pPr>
            <a:r>
              <a:rPr lang="en-US" sz="2600" dirty="0" smtClean="0">
                <a:solidFill>
                  <a:prstClr val="black">
                    <a:lumMod val="75000"/>
                    <a:lumOff val="25000"/>
                  </a:prstClr>
                </a:solidFill>
              </a:rPr>
              <a:t>Patient-Provider </a:t>
            </a: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synergistic tool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Upon patient approval, provider can search patient’s medical history for optimal strategy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input data (such as food, etc.) into his “home” access</a:t>
            </a:r>
          </a:p>
          <a:p>
            <a:pPr lvl="1">
              <a:buClr>
                <a:srgbClr val="90C226"/>
              </a:buClr>
            </a:pPr>
            <a:r>
              <a:rPr lang="en-US" sz="2600" dirty="0">
                <a:solidFill>
                  <a:prstClr val="black">
                    <a:lumMod val="75000"/>
                    <a:lumOff val="25000"/>
                  </a:prstClr>
                </a:solidFill>
              </a:rPr>
              <a:t>Patient can search warnings with plan vs. new prescriptions, over-the-counter drugs, etc.</a:t>
            </a:r>
          </a:p>
          <a:p>
            <a:pPr marL="0" indent="0">
              <a:buNone/>
            </a:pPr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39984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538</TotalTime>
  <Words>474</Words>
  <Application>Microsoft Office PowerPoint</Application>
  <PresentationFormat>Widescreen</PresentationFormat>
  <Paragraphs>101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(contd)</vt:lpstr>
      <vt:lpstr>Currently in EHRs:  (Interview Findings)</vt:lpstr>
      <vt:lpstr>Medical Provider Needs:  (Interview Findings)</vt:lpstr>
      <vt:lpstr>Our Solution</vt:lpstr>
      <vt:lpstr>Our Solution (contd)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Donna</cp:lastModifiedBy>
  <cp:revision>30</cp:revision>
  <cp:lastPrinted>2016-02-20T22:09:45Z</cp:lastPrinted>
  <dcterms:created xsi:type="dcterms:W3CDTF">2016-02-19T18:01:14Z</dcterms:created>
  <dcterms:modified xsi:type="dcterms:W3CDTF">2016-02-21T04:24:46Z</dcterms:modified>
</cp:coreProperties>
</file>